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:rsidR="00F305BF" w:rsidP="00D2358F" w:rsidRDefault="00061918" w14:paraId="4AD63987" w14:textId="35C64507">
      <w:pPr>
        <w:pStyle w:val="Heading1"/>
      </w:pPr>
      <w:r>
        <w:t>Opgaver/b</w:t>
      </w:r>
      <w:r w:rsidR="007E00E4">
        <w:t>udgetposter inden for administration og markedsføring:</w:t>
      </w:r>
    </w:p>
    <w:p w:rsidR="007E00E4" w:rsidP="00FA6D8B" w:rsidRDefault="00FA6D8B" w14:paraId="0C017A0B" w14:textId="0DD7DE70">
      <w:r w:rsidR="00FA6D8B">
        <w:rPr/>
        <w:t xml:space="preserve">Tabel viser mulige administrative opgaver som udføres. Listen er ikke udførlig, og ikke alle opgaver vil nødvendigvis være relevant på alle projekter/tilbud. </w:t>
      </w:r>
    </w:p>
    <w:p w:rsidR="1D7F2AA0" w:rsidRDefault="1D7F2AA0" w14:paraId="5BDC8FBB" w14:textId="60ED82DB">
      <w:r w:rsidR="1D7F2AA0">
        <w:rPr/>
        <w:t xml:space="preserve">Opgaver der kun er relevant i forbindelse med kurser er markeret med </w:t>
      </w:r>
      <w:r w:rsidRPr="494B6091" w:rsidR="1D7F2AA0">
        <w:rPr>
          <w:i w:val="1"/>
          <w:iCs w:val="1"/>
        </w:rPr>
        <w:t>kursiv.</w:t>
      </w:r>
      <w:r w:rsidR="1D7F2AA0">
        <w:rPr/>
        <w:t xml:space="preserve"> 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6091"/>
        <w:gridCol w:w="1842"/>
        <w:gridCol w:w="1695"/>
      </w:tblGrid>
      <w:tr w:rsidR="00FA6D8B" w:rsidTr="494B6091" w14:paraId="0E0FF787" w14:textId="77777777">
        <w:tc>
          <w:tcPr>
            <w:tcW w:w="6091" w:type="dxa"/>
            <w:tcMar/>
          </w:tcPr>
          <w:p w:rsidR="00FA6D8B" w:rsidP="494B6091" w:rsidRDefault="00FA6D8B" w14:paraId="640D7A3E" w14:textId="61D7058F">
            <w:pPr>
              <w:rPr>
                <w:b w:val="1"/>
                <w:bCs w:val="1"/>
              </w:rPr>
            </w:pPr>
            <w:r w:rsidRPr="494B6091" w:rsidR="00FA6D8B">
              <w:rPr>
                <w:b w:val="1"/>
                <w:bCs w:val="1"/>
              </w:rPr>
              <w:t>Opgave</w:t>
            </w:r>
          </w:p>
        </w:tc>
        <w:tc>
          <w:tcPr>
            <w:tcW w:w="1842" w:type="dxa"/>
            <w:tcMar/>
          </w:tcPr>
          <w:p w:rsidR="00FA6D8B" w:rsidP="494B6091" w:rsidRDefault="00FA6D8B" w14:paraId="140DA129" w14:textId="10893C90">
            <w:pPr>
              <w:rPr>
                <w:b w:val="1"/>
                <w:bCs w:val="1"/>
              </w:rPr>
            </w:pPr>
            <w:r w:rsidRPr="494B6091" w:rsidR="00FA6D8B">
              <w:rPr>
                <w:b w:val="1"/>
                <w:bCs w:val="1"/>
              </w:rPr>
              <w:t>Ansvarlig (stillingstype)</w:t>
            </w:r>
          </w:p>
          <w:p w:rsidR="00FA6D8B" w:rsidP="494B6091" w:rsidRDefault="00FA6D8B" w14:paraId="7417892B" w14:textId="60D4D6ED">
            <w:pPr>
              <w:rPr>
                <w:b w:val="1"/>
                <w:bCs w:val="1"/>
              </w:rPr>
            </w:pPr>
            <w:r w:rsidRPr="494B6091" w:rsidR="764D914A">
              <w:rPr>
                <w:b w:val="1"/>
                <w:bCs w:val="1"/>
              </w:rPr>
              <w:t>Angiv tydeligt hvis der ønskes understøttelse fra kursus-sekretariatet.</w:t>
            </w:r>
          </w:p>
        </w:tc>
        <w:tc>
          <w:tcPr>
            <w:tcW w:w="1695" w:type="dxa"/>
            <w:tcMar/>
          </w:tcPr>
          <w:p w:rsidR="00FA6D8B" w:rsidP="494B6091" w:rsidRDefault="00FA6D8B" w14:paraId="45F61EFF" w14:textId="58D11B68">
            <w:pPr>
              <w:rPr>
                <w:b w:val="1"/>
                <w:bCs w:val="1"/>
              </w:rPr>
            </w:pPr>
            <w:r w:rsidRPr="494B6091" w:rsidR="00FA6D8B">
              <w:rPr>
                <w:b w:val="1"/>
                <w:bCs w:val="1"/>
              </w:rPr>
              <w:t>Timeforbrug</w:t>
            </w:r>
          </w:p>
        </w:tc>
      </w:tr>
      <w:tr w:rsidR="494B6091" w:rsidTr="494B6091" w14:paraId="4A260AC5">
        <w:trPr>
          <w:trHeight w:val="300"/>
        </w:trPr>
        <w:tc>
          <w:tcPr>
            <w:tcW w:w="6091" w:type="dxa"/>
            <w:tcMar/>
          </w:tcPr>
          <w:p w:rsidR="0C774588" w:rsidP="494B6091" w:rsidRDefault="0C774588" w14:paraId="172173F6" w14:textId="65A5A2AF">
            <w:pPr>
              <w:pStyle w:val="Normal"/>
              <w:rPr>
                <w:i w:val="0"/>
                <w:iCs w:val="0"/>
              </w:rPr>
            </w:pPr>
            <w:r w:rsidRPr="494B6091" w:rsidR="0C774588">
              <w:rPr>
                <w:i w:val="0"/>
                <w:iCs w:val="0"/>
              </w:rPr>
              <w:t>Udvikling af ydelse</w:t>
            </w:r>
            <w:r w:rsidRPr="494B6091" w:rsidR="353C82F1">
              <w:rPr>
                <w:i w:val="0"/>
                <w:iCs w:val="0"/>
              </w:rPr>
              <w:t>n</w:t>
            </w:r>
          </w:p>
        </w:tc>
        <w:tc>
          <w:tcPr>
            <w:tcW w:w="1842" w:type="dxa"/>
            <w:tcMar/>
          </w:tcPr>
          <w:p w:rsidR="494B6091" w:rsidP="494B6091" w:rsidRDefault="494B6091" w14:paraId="37ACA7D4" w14:textId="20F6A7BA">
            <w:pPr>
              <w:pStyle w:val="Normal"/>
            </w:pPr>
          </w:p>
        </w:tc>
        <w:tc>
          <w:tcPr>
            <w:tcW w:w="1695" w:type="dxa"/>
            <w:tcMar/>
          </w:tcPr>
          <w:p w:rsidR="494B6091" w:rsidP="494B6091" w:rsidRDefault="494B6091" w14:paraId="0CE64E95" w14:textId="0E5340CA">
            <w:pPr>
              <w:pStyle w:val="Normal"/>
            </w:pPr>
          </w:p>
        </w:tc>
      </w:tr>
      <w:tr w:rsidR="00FA6D8B" w:rsidTr="494B6091" w14:paraId="6093659D" w14:textId="77777777">
        <w:tc>
          <w:tcPr>
            <w:tcW w:w="6091" w:type="dxa"/>
            <w:tcMar/>
          </w:tcPr>
          <w:p w:rsidR="00FA6D8B" w:rsidP="494B6091" w:rsidRDefault="00FA6D8B" w14:paraId="190EC669" w14:textId="77777777">
            <w:pPr>
              <w:rPr>
                <w:i w:val="1"/>
                <w:iCs w:val="1"/>
              </w:rPr>
            </w:pPr>
            <w:r w:rsidRPr="494B6091" w:rsidR="00FA6D8B">
              <w:rPr>
                <w:i w:val="1"/>
                <w:iCs w:val="1"/>
              </w:rPr>
              <w:t xml:space="preserve">Kursustilmelding: </w:t>
            </w:r>
          </w:p>
          <w:p w:rsidR="00FA6D8B" w:rsidP="494B6091" w:rsidRDefault="00FA6D8B" w14:paraId="187562CB" w14:textId="3A069CB6">
            <w:pPr>
              <w:pStyle w:val="ListParagraph"/>
              <w:numPr>
                <w:ilvl w:val="0"/>
                <w:numId w:val="4"/>
              </w:numPr>
              <w:rPr>
                <w:i w:val="1"/>
                <w:iCs w:val="1"/>
              </w:rPr>
            </w:pPr>
            <w:r w:rsidRPr="494B6091" w:rsidR="00FA6D8B">
              <w:rPr>
                <w:i w:val="1"/>
                <w:iCs w:val="1"/>
              </w:rPr>
              <w:t xml:space="preserve">Oprettelse og administration af tilmeldingsproces i </w:t>
            </w:r>
            <w:r w:rsidRPr="494B6091" w:rsidR="002029D0">
              <w:rPr>
                <w:i w:val="1"/>
                <w:iCs w:val="1"/>
              </w:rPr>
              <w:t>C</w:t>
            </w:r>
            <w:r w:rsidRPr="494B6091" w:rsidR="00FA6D8B">
              <w:rPr>
                <w:i w:val="1"/>
                <w:iCs w:val="1"/>
              </w:rPr>
              <w:t>onference manage</w:t>
            </w:r>
            <w:r w:rsidRPr="494B6091" w:rsidR="00D2358F">
              <w:rPr>
                <w:i w:val="1"/>
                <w:iCs w:val="1"/>
              </w:rPr>
              <w:t>r</w:t>
            </w:r>
          </w:p>
          <w:p w:rsidR="00FA6D8B" w:rsidP="494B6091" w:rsidRDefault="00FA6D8B" w14:paraId="1597B62F" w14:textId="668BF724">
            <w:pPr>
              <w:pStyle w:val="ListParagraph"/>
              <w:numPr>
                <w:ilvl w:val="0"/>
                <w:numId w:val="4"/>
              </w:numPr>
              <w:rPr>
                <w:i w:val="1"/>
                <w:iCs w:val="1"/>
              </w:rPr>
            </w:pPr>
            <w:r w:rsidRPr="494B6091" w:rsidR="00FA6D8B">
              <w:rPr>
                <w:i w:val="1"/>
                <w:iCs w:val="1"/>
              </w:rPr>
              <w:t>Kommunikation med kursister, partnere og andre aftalte interessenter ift. tilmeldingsproces</w:t>
            </w:r>
          </w:p>
        </w:tc>
        <w:tc>
          <w:tcPr>
            <w:tcW w:w="1842" w:type="dxa"/>
            <w:tcMar/>
          </w:tcPr>
          <w:p w:rsidR="00FA6D8B" w:rsidP="00FA6D8B" w:rsidRDefault="00FA6D8B" w14:paraId="7834EF21" w14:textId="77777777"/>
        </w:tc>
        <w:tc>
          <w:tcPr>
            <w:tcW w:w="1695" w:type="dxa"/>
            <w:tcMar/>
          </w:tcPr>
          <w:p w:rsidR="00FA6D8B" w:rsidP="00FA6D8B" w:rsidRDefault="00FA6D8B" w14:paraId="21C6BED3" w14:textId="77777777"/>
        </w:tc>
      </w:tr>
      <w:tr w:rsidR="00FA6D8B" w:rsidTr="494B6091" w14:paraId="16CBF710" w14:textId="77777777">
        <w:tc>
          <w:tcPr>
            <w:tcW w:w="6091" w:type="dxa"/>
            <w:tcMar/>
          </w:tcPr>
          <w:p w:rsidR="00FA6D8B" w:rsidP="00FA6D8B" w:rsidRDefault="00FA6D8B" w14:paraId="388156E5" w14:textId="6982DD52">
            <w:r>
              <w:t>Markedsføring</w:t>
            </w:r>
            <w:r w:rsidR="007929EA">
              <w:t xml:space="preserve"> - kommunikationsmedarbejder</w:t>
            </w:r>
            <w:r>
              <w:t>:</w:t>
            </w:r>
          </w:p>
          <w:p w:rsidR="00FA6D8B" w:rsidP="494B6091" w:rsidRDefault="00FA6D8B" w14:paraId="03952D89" w14:textId="77777777">
            <w:pPr>
              <w:pStyle w:val="ListParagraph"/>
              <w:numPr>
                <w:ilvl w:val="0"/>
                <w:numId w:val="4"/>
              </w:numPr>
              <w:rPr>
                <w:i w:val="1"/>
                <w:iCs w:val="1"/>
              </w:rPr>
            </w:pPr>
            <w:r w:rsidRPr="494B6091" w:rsidR="00FA6D8B">
              <w:rPr>
                <w:i w:val="1"/>
                <w:iCs w:val="1"/>
              </w:rPr>
              <w:t>Oprettelse af kursusaktivitet på hjemmeside</w:t>
            </w:r>
          </w:p>
          <w:p w:rsidR="00FA6D8B" w:rsidP="494B6091" w:rsidRDefault="00FA6D8B" w14:paraId="0D93287F" w14:textId="77777777">
            <w:pPr>
              <w:pStyle w:val="ListParagraph"/>
              <w:numPr>
                <w:ilvl w:val="0"/>
                <w:numId w:val="4"/>
              </w:numPr>
              <w:rPr>
                <w:i w:val="1"/>
                <w:iCs w:val="1"/>
              </w:rPr>
            </w:pPr>
            <w:r w:rsidRPr="494B6091" w:rsidR="00FA6D8B">
              <w:rPr>
                <w:i w:val="1"/>
                <w:iCs w:val="1"/>
              </w:rPr>
              <w:t>Tilkobling af tilmeldingsmodul på hjemmeside</w:t>
            </w:r>
          </w:p>
          <w:p w:rsidR="00FA6D8B" w:rsidP="00FA6D8B" w:rsidRDefault="00FA6D8B" w14:paraId="11AE2462" w14:textId="7370BD89">
            <w:pPr>
              <w:pStyle w:val="ListParagraph"/>
              <w:numPr>
                <w:ilvl w:val="0"/>
                <w:numId w:val="4"/>
              </w:numPr>
            </w:pPr>
            <w:r>
              <w:t>Anden målrettet markedsføring efter aftale</w:t>
            </w:r>
          </w:p>
        </w:tc>
        <w:tc>
          <w:tcPr>
            <w:tcW w:w="1842" w:type="dxa"/>
            <w:tcMar/>
          </w:tcPr>
          <w:p w:rsidR="00FA6D8B" w:rsidP="00FA6D8B" w:rsidRDefault="00FA6D8B" w14:paraId="60B6901A" w14:textId="77777777"/>
        </w:tc>
        <w:tc>
          <w:tcPr>
            <w:tcW w:w="1695" w:type="dxa"/>
            <w:tcMar/>
          </w:tcPr>
          <w:p w:rsidR="00FA6D8B" w:rsidP="00FA6D8B" w:rsidRDefault="00FA6D8B" w14:paraId="56C320BE" w14:textId="77777777"/>
        </w:tc>
      </w:tr>
      <w:tr w:rsidR="00FA6D8B" w:rsidTr="494B6091" w14:paraId="14E5691B" w14:textId="77777777">
        <w:tc>
          <w:tcPr>
            <w:tcW w:w="6091" w:type="dxa"/>
            <w:tcMar/>
          </w:tcPr>
          <w:p w:rsidR="00FA6D8B" w:rsidP="00FA6D8B" w:rsidRDefault="00FA6D8B" w14:paraId="6F31A269" w14:textId="77777777">
            <w:r>
              <w:t>Forberedelse af kursusafvikling:</w:t>
            </w:r>
          </w:p>
          <w:p w:rsidR="00FA6D8B" w:rsidP="00FA6D8B" w:rsidRDefault="00FA6D8B" w14:paraId="7E810925" w14:textId="4B296139">
            <w:pPr>
              <w:pStyle w:val="ListParagraph"/>
              <w:numPr>
                <w:ilvl w:val="0"/>
                <w:numId w:val="4"/>
              </w:numPr>
            </w:pPr>
            <w:r>
              <w:t>Udarbejdelse af kursusplan</w:t>
            </w:r>
            <w:r w:rsidR="00D2358F">
              <w:t xml:space="preserve"> (</w:t>
            </w:r>
            <w:r w:rsidR="004057DC">
              <w:t>TAP/</w:t>
            </w:r>
            <w:r w:rsidR="00D2358F">
              <w:t>VIP</w:t>
            </w:r>
            <w:r w:rsidR="004057DC">
              <w:t>)</w:t>
            </w:r>
          </w:p>
          <w:p w:rsidR="004057DC" w:rsidP="00FA6D8B" w:rsidRDefault="004057DC" w14:paraId="7ACFEF29" w14:textId="1F46A499">
            <w:pPr>
              <w:pStyle w:val="ListParagraph"/>
              <w:numPr>
                <w:ilvl w:val="0"/>
                <w:numId w:val="4"/>
              </w:numPr>
              <w:rPr/>
            </w:pPr>
            <w:r w:rsidR="004057DC">
              <w:rPr/>
              <w:t>Udarbejdelse a</w:t>
            </w:r>
            <w:r w:rsidR="004057DC">
              <w:rPr/>
              <w:t>f kursusmate</w:t>
            </w:r>
            <w:r w:rsidR="004057DC">
              <w:rPr/>
              <w:t xml:space="preserve">riale, f.eks. </w:t>
            </w:r>
            <w:r w:rsidR="004057DC">
              <w:rPr/>
              <w:t>studyguides</w:t>
            </w:r>
            <w:r w:rsidR="004057DC">
              <w:rPr/>
              <w:t>, skabelon til kursusbeviser (</w:t>
            </w:r>
            <w:r w:rsidR="004057DC">
              <w:rPr/>
              <w:t>VIP</w:t>
            </w:r>
            <w:r w:rsidR="01A925CB">
              <w:rPr/>
              <w:t>/kursusansvarlig</w:t>
            </w:r>
            <w:r w:rsidR="004057DC">
              <w:rPr/>
              <w:t>/TAP support</w:t>
            </w:r>
            <w:r w:rsidR="004057DC">
              <w:rPr/>
              <w:t>)</w:t>
            </w:r>
          </w:p>
          <w:p w:rsidR="00FA6D8B" w:rsidP="00FA6D8B" w:rsidRDefault="00FA6D8B" w14:paraId="3AC04428" w14:textId="7C1AD4E9">
            <w:pPr>
              <w:pStyle w:val="ListParagraph"/>
              <w:numPr>
                <w:ilvl w:val="0"/>
                <w:numId w:val="4"/>
              </w:numPr>
              <w:rPr/>
            </w:pPr>
            <w:r w:rsidR="00FA6D8B">
              <w:rPr/>
              <w:t>Booking af undervisere</w:t>
            </w:r>
            <w:r w:rsidR="00D2358F">
              <w:rPr/>
              <w:t xml:space="preserve"> (</w:t>
            </w:r>
            <w:r w:rsidR="004057DC">
              <w:rPr/>
              <w:t>TAP/VIP</w:t>
            </w:r>
            <w:r w:rsidR="2D90A488">
              <w:rPr/>
              <w:t>/kursusansvarlig</w:t>
            </w:r>
            <w:r w:rsidR="004057DC">
              <w:rPr/>
              <w:t>)</w:t>
            </w:r>
          </w:p>
          <w:p w:rsidR="00FA6D8B" w:rsidP="00FA6D8B" w:rsidRDefault="00FA6D8B" w14:paraId="1A7A66DB" w14:textId="63A47950">
            <w:pPr>
              <w:pStyle w:val="ListParagraph"/>
              <w:numPr>
                <w:ilvl w:val="0"/>
                <w:numId w:val="4"/>
              </w:numPr>
            </w:pPr>
            <w:r>
              <w:t>Lokalebooking</w:t>
            </w:r>
          </w:p>
          <w:p w:rsidR="002029D0" w:rsidP="002029D0" w:rsidRDefault="002029D0" w14:paraId="36A60C0E" w14:textId="4680FB5D">
            <w:pPr>
              <w:pStyle w:val="ListParagraph"/>
              <w:numPr>
                <w:ilvl w:val="0"/>
                <w:numId w:val="4"/>
              </w:numPr>
            </w:pPr>
            <w:r>
              <w:t>Bestilling af forplejning</w:t>
            </w:r>
          </w:p>
          <w:p w:rsidR="002029D0" w:rsidP="002029D0" w:rsidRDefault="002029D0" w14:paraId="07997C84" w14:textId="59A84042">
            <w:pPr>
              <w:pStyle w:val="ListParagraph"/>
              <w:numPr>
                <w:ilvl w:val="0"/>
                <w:numId w:val="4"/>
              </w:numPr>
              <w:rPr/>
            </w:pPr>
            <w:r w:rsidR="002029D0">
              <w:rPr/>
              <w:t xml:space="preserve">Bestilling af </w:t>
            </w:r>
            <w:r w:rsidR="002029D0">
              <w:rPr/>
              <w:t>deaktivering</w:t>
            </w:r>
            <w:r w:rsidR="002029D0">
              <w:rPr/>
              <w:t xml:space="preserve"> af dørlås i forbindelse med kursusafvikling</w:t>
            </w:r>
            <w:r w:rsidR="002029D0">
              <w:rPr/>
              <w:t xml:space="preserve"> </w:t>
            </w:r>
            <w:r w:rsidR="494E4E89">
              <w:rPr/>
              <w:t>aften/</w:t>
            </w:r>
            <w:r w:rsidR="002029D0">
              <w:rPr/>
              <w:t>weekend</w:t>
            </w:r>
          </w:p>
          <w:p w:rsidR="002029D0" w:rsidP="002029D0" w:rsidRDefault="002029D0" w14:paraId="18BBF1BE" w14:textId="7D777988">
            <w:pPr>
              <w:pStyle w:val="ListParagraph"/>
              <w:numPr>
                <w:ilvl w:val="0"/>
                <w:numId w:val="4"/>
              </w:numPr>
            </w:pPr>
            <w:r>
              <w:t xml:space="preserve">Oprettelse af gæsteadgangskort til undervisere eller kursister </w:t>
            </w:r>
            <w:r>
              <w:t xml:space="preserve">ved behov for adgang til låste lokaler </w:t>
            </w:r>
            <w:r>
              <w:t>(sjældent relevant)</w:t>
            </w:r>
          </w:p>
          <w:p w:rsidR="002029D0" w:rsidP="002029D0" w:rsidRDefault="002029D0" w14:paraId="48AE53C3" w14:textId="0F799DE7">
            <w:pPr>
              <w:ind w:left="360"/>
            </w:pPr>
            <w:r>
              <w:t>Længerevarende forløb:</w:t>
            </w:r>
          </w:p>
          <w:p w:rsidR="00FA6D8B" w:rsidP="00FA6D8B" w:rsidRDefault="00FA6D8B" w14:paraId="679BB1E9" w14:textId="1A7CA6A6">
            <w:pPr>
              <w:pStyle w:val="ListParagraph"/>
              <w:numPr>
                <w:ilvl w:val="0"/>
                <w:numId w:val="4"/>
              </w:numPr>
            </w:pPr>
            <w:r>
              <w:t xml:space="preserve">Oprettelse af kursusrum med standard opsætning i </w:t>
            </w:r>
            <w:proofErr w:type="spellStart"/>
            <w:r>
              <w:t>Itslearning</w:t>
            </w:r>
            <w:proofErr w:type="spellEnd"/>
          </w:p>
          <w:p w:rsidR="00FA6D8B" w:rsidP="00FA6D8B" w:rsidRDefault="00FA6D8B" w14:paraId="128EC9D2" w14:textId="77777777">
            <w:pPr>
              <w:pStyle w:val="ListParagraph"/>
              <w:numPr>
                <w:ilvl w:val="0"/>
                <w:numId w:val="4"/>
              </w:numPr>
            </w:pPr>
            <w:r>
              <w:t>Opbygning af kursusrum efter behov</w:t>
            </w:r>
          </w:p>
          <w:p w:rsidR="00D2358F" w:rsidP="002029D0" w:rsidRDefault="00FA6D8B" w14:paraId="4F0BF157" w14:textId="7C1403A3">
            <w:pPr>
              <w:pStyle w:val="ListParagraph"/>
              <w:numPr>
                <w:ilvl w:val="0"/>
                <w:numId w:val="4"/>
              </w:numPr>
            </w:pPr>
            <w:r>
              <w:t xml:space="preserve">Oprettelse af eksterne brugere i </w:t>
            </w:r>
            <w:proofErr w:type="spellStart"/>
            <w:r>
              <w:t>Itslearning</w:t>
            </w:r>
            <w:proofErr w:type="spellEnd"/>
          </w:p>
        </w:tc>
        <w:tc>
          <w:tcPr>
            <w:tcW w:w="1842" w:type="dxa"/>
            <w:tcMar/>
          </w:tcPr>
          <w:p w:rsidR="00FA6D8B" w:rsidP="00FA6D8B" w:rsidRDefault="00FA6D8B" w14:paraId="183672B2" w14:textId="77777777"/>
        </w:tc>
        <w:tc>
          <w:tcPr>
            <w:tcW w:w="1695" w:type="dxa"/>
            <w:tcMar/>
          </w:tcPr>
          <w:p w:rsidR="00FA6D8B" w:rsidP="00FA6D8B" w:rsidRDefault="00FA6D8B" w14:paraId="7BDAD334" w14:textId="77777777"/>
        </w:tc>
      </w:tr>
      <w:tr w:rsidR="00FA6D8B" w:rsidTr="494B6091" w14:paraId="40DB9CCA" w14:textId="77777777">
        <w:tc>
          <w:tcPr>
            <w:tcW w:w="6091" w:type="dxa"/>
            <w:tcMar/>
          </w:tcPr>
          <w:p w:rsidR="00FA6D8B" w:rsidP="00FA6D8B" w:rsidRDefault="00D2358F" w14:paraId="34E16613" w14:textId="77777777">
            <w:r>
              <w:t>Kursusafvikling:</w:t>
            </w:r>
          </w:p>
          <w:p w:rsidR="00D2358F" w:rsidP="00D2358F" w:rsidRDefault="00D2358F" w14:paraId="4E73786C" w14:textId="706877F5">
            <w:pPr>
              <w:pStyle w:val="ListParagraph"/>
              <w:numPr>
                <w:ilvl w:val="0"/>
                <w:numId w:val="4"/>
              </w:numPr>
            </w:pPr>
            <w:r>
              <w:t>Dialog med undervisere ift. praktiske omstændigheder, herunder dagsprogrammer, materiale, parkering, lokalehenvisning mm.</w:t>
            </w:r>
          </w:p>
          <w:p w:rsidR="00D2358F" w:rsidP="00D2358F" w:rsidRDefault="00D2358F" w14:paraId="06AD7E56" w14:textId="77777777">
            <w:pPr>
              <w:pStyle w:val="ListParagraph"/>
              <w:numPr>
                <w:ilvl w:val="0"/>
                <w:numId w:val="4"/>
              </w:numPr>
            </w:pPr>
            <w:r>
              <w:t>Udsendelse af kursusmateriale, vejviser mm. til kursister</w:t>
            </w:r>
          </w:p>
          <w:p w:rsidR="00D2358F" w:rsidP="00D2358F" w:rsidRDefault="00D2358F" w14:paraId="518EE2CC" w14:textId="767FFB37">
            <w:pPr>
              <w:pStyle w:val="ListParagraph"/>
              <w:numPr>
                <w:ilvl w:val="0"/>
                <w:numId w:val="4"/>
              </w:numPr>
            </w:pPr>
            <w:r>
              <w:t xml:space="preserve">Opdatering af kursusrum med relevant materiale, </w:t>
            </w:r>
            <w:r w:rsidR="002029D0">
              <w:t>alternativ distribution</w:t>
            </w:r>
            <w:r>
              <w:t xml:space="preserve"> via mail</w:t>
            </w:r>
          </w:p>
          <w:p w:rsidR="00D2358F" w:rsidP="494B6091" w:rsidRDefault="00D2358F" w14:paraId="3DB0D47A" w14:textId="36B3329F">
            <w:pPr>
              <w:pStyle w:val="ListParagraph"/>
              <w:numPr>
                <w:ilvl w:val="0"/>
                <w:numId w:val="4"/>
              </w:numPr>
              <w:rPr/>
            </w:pPr>
            <w:r w:rsidR="00D2358F">
              <w:rPr/>
              <w:t>Modtagelse af kursister og evt. undervisere (VIP kan også have denne rolle)</w:t>
            </w:r>
          </w:p>
          <w:p w:rsidR="00D2358F" w:rsidP="00D2358F" w:rsidRDefault="00D2358F" w14:paraId="00654D81" w14:textId="6F9F88E9">
            <w:pPr>
              <w:pStyle w:val="ListParagraph"/>
              <w:numPr>
                <w:ilvl w:val="0"/>
                <w:numId w:val="4"/>
              </w:numPr>
            </w:pPr>
            <w:r>
              <w:t>Oprettelse og distribution af evaluering</w:t>
            </w:r>
          </w:p>
          <w:p w:rsidR="00D2358F" w:rsidP="00D2358F" w:rsidRDefault="00D2358F" w14:paraId="2DAB910E" w14:textId="77777777">
            <w:pPr>
              <w:pStyle w:val="ListParagraph"/>
              <w:numPr>
                <w:ilvl w:val="0"/>
                <w:numId w:val="4"/>
              </w:numPr>
            </w:pPr>
            <w:r>
              <w:t>Ad hoc kommunikation med undervisere og kursister</w:t>
            </w:r>
          </w:p>
          <w:p w:rsidR="002622FC" w:rsidP="00D2358F" w:rsidRDefault="002622FC" w14:paraId="29D1D2B7" w14:textId="72E58FAE">
            <w:pPr>
              <w:pStyle w:val="ListParagraph"/>
              <w:numPr>
                <w:ilvl w:val="0"/>
                <w:numId w:val="4"/>
              </w:numPr>
            </w:pPr>
            <w:r>
              <w:t>Undervisning inkl. forberedelse – VIP eller ekstern</w:t>
            </w:r>
          </w:p>
        </w:tc>
        <w:tc>
          <w:tcPr>
            <w:tcW w:w="1842" w:type="dxa"/>
            <w:tcMar/>
          </w:tcPr>
          <w:p w:rsidR="00FA6D8B" w:rsidP="00FA6D8B" w:rsidRDefault="00FA6D8B" w14:paraId="718D8F45" w14:textId="77777777"/>
        </w:tc>
        <w:tc>
          <w:tcPr>
            <w:tcW w:w="1695" w:type="dxa"/>
            <w:tcMar/>
          </w:tcPr>
          <w:p w:rsidR="00FA6D8B" w:rsidP="00FA6D8B" w:rsidRDefault="00FA6D8B" w14:paraId="5EBE2D45" w14:textId="77777777"/>
        </w:tc>
      </w:tr>
      <w:tr w:rsidR="00FA6D8B" w:rsidTr="494B6091" w14:paraId="5F603E17" w14:textId="77777777">
        <w:tc>
          <w:tcPr>
            <w:tcW w:w="6091" w:type="dxa"/>
            <w:tcMar/>
          </w:tcPr>
          <w:p w:rsidR="00FA6D8B" w:rsidP="00FA6D8B" w:rsidRDefault="00D2358F" w14:paraId="15B90D6B" w14:textId="77777777">
            <w:r>
              <w:t>Efterbehandling:</w:t>
            </w:r>
          </w:p>
          <w:p w:rsidR="00D2358F" w:rsidP="00D2358F" w:rsidRDefault="00D2358F" w14:paraId="1293DC66" w14:textId="77777777">
            <w:pPr>
              <w:pStyle w:val="ListParagraph"/>
              <w:numPr>
                <w:ilvl w:val="0"/>
                <w:numId w:val="4"/>
              </w:numPr>
            </w:pPr>
            <w:r>
              <w:t xml:space="preserve">Kommunikation med undervisere eller andre involverede ift. honoraraflønning, kørselsgodtgørelse mm. </w:t>
            </w:r>
          </w:p>
          <w:p w:rsidR="00D2358F" w:rsidP="00D2358F" w:rsidRDefault="00D2358F" w14:paraId="11DA6A46" w14:textId="77777777">
            <w:pPr>
              <w:pStyle w:val="ListParagraph"/>
              <w:numPr>
                <w:ilvl w:val="0"/>
                <w:numId w:val="4"/>
              </w:numPr>
            </w:pPr>
            <w:r>
              <w:t>Administrativ efterbehandling af evaluering</w:t>
            </w:r>
          </w:p>
          <w:p w:rsidR="004057DC" w:rsidP="00D2358F" w:rsidRDefault="004057DC" w14:paraId="441ABA5D" w14:textId="52DF870B">
            <w:pPr>
              <w:pStyle w:val="ListParagraph"/>
              <w:numPr>
                <w:ilvl w:val="0"/>
                <w:numId w:val="4"/>
              </w:numPr>
            </w:pPr>
            <w:r>
              <w:t>Udstedelse af kursusbeviser</w:t>
            </w:r>
          </w:p>
        </w:tc>
        <w:tc>
          <w:tcPr>
            <w:tcW w:w="1842" w:type="dxa"/>
            <w:tcMar/>
          </w:tcPr>
          <w:p w:rsidR="00FA6D8B" w:rsidP="00FA6D8B" w:rsidRDefault="00FA6D8B" w14:paraId="506C587A" w14:textId="77777777"/>
        </w:tc>
        <w:tc>
          <w:tcPr>
            <w:tcW w:w="1695" w:type="dxa"/>
            <w:tcMar/>
          </w:tcPr>
          <w:p w:rsidR="00FA6D8B" w:rsidP="00FA6D8B" w:rsidRDefault="00FA6D8B" w14:paraId="678B203A" w14:textId="77777777"/>
        </w:tc>
      </w:tr>
      <w:tr w:rsidR="00FA6D8B" w:rsidTr="494B6091" w14:paraId="79927461" w14:textId="77777777">
        <w:tc>
          <w:tcPr>
            <w:tcW w:w="6091" w:type="dxa"/>
            <w:tcMar/>
          </w:tcPr>
          <w:p w:rsidR="00FA6D8B" w:rsidP="00FA6D8B" w:rsidRDefault="00D2358F" w14:paraId="2475656D" w14:textId="6559D0E3">
            <w:r>
              <w:lastRenderedPageBreak/>
              <w:t>Andre relevante opgaver:</w:t>
            </w:r>
          </w:p>
          <w:p w:rsidR="00D2358F" w:rsidP="00350612" w:rsidRDefault="00D2358F" w14:paraId="0A3ADD36" w14:textId="7603D085">
            <w:pPr>
              <w:pStyle w:val="ListParagraph"/>
              <w:numPr>
                <w:ilvl w:val="0"/>
                <w:numId w:val="4"/>
              </w:numPr>
            </w:pPr>
          </w:p>
        </w:tc>
        <w:tc>
          <w:tcPr>
            <w:tcW w:w="1842" w:type="dxa"/>
            <w:tcMar/>
          </w:tcPr>
          <w:p w:rsidR="00FA6D8B" w:rsidP="00FA6D8B" w:rsidRDefault="00FA6D8B" w14:paraId="0F4526D4" w14:textId="77777777"/>
        </w:tc>
        <w:tc>
          <w:tcPr>
            <w:tcW w:w="1695" w:type="dxa"/>
            <w:tcMar/>
          </w:tcPr>
          <w:p w:rsidR="00FA6D8B" w:rsidP="00FA6D8B" w:rsidRDefault="00FA6D8B" w14:paraId="6AEF4E0F" w14:textId="77777777"/>
        </w:tc>
      </w:tr>
      <w:tr w:rsidR="494B6091" w:rsidTr="494B6091" w14:paraId="5BCDC749">
        <w:trPr>
          <w:trHeight w:val="300"/>
        </w:trPr>
        <w:tc>
          <w:tcPr>
            <w:tcW w:w="6091" w:type="dxa"/>
            <w:tcMar/>
          </w:tcPr>
          <w:p w:rsidR="7DBDAD28" w:rsidP="494B6091" w:rsidRDefault="7DBDAD28" w14:paraId="422F087E" w14:textId="07208DAC">
            <w:pPr>
              <w:pStyle w:val="Normal"/>
            </w:pPr>
            <w:r w:rsidR="7DBDAD28">
              <w:rPr/>
              <w:t>Andre mulig budgetposter:</w:t>
            </w:r>
          </w:p>
          <w:p w:rsidR="7DBDAD28" w:rsidP="494B6091" w:rsidRDefault="7DBDAD28" w14:paraId="7BCCC9F4" w14:textId="458331EC">
            <w:pPr>
              <w:pStyle w:val="ListParagraph"/>
              <w:numPr>
                <w:ilvl w:val="0"/>
                <w:numId w:val="5"/>
              </w:numPr>
              <w:rPr>
                <w:sz w:val="22"/>
                <w:szCs w:val="22"/>
              </w:rPr>
            </w:pPr>
            <w:r w:rsidRPr="494B6091" w:rsidR="7DBDAD28">
              <w:rPr>
                <w:sz w:val="22"/>
                <w:szCs w:val="22"/>
              </w:rPr>
              <w:t>Transport</w:t>
            </w:r>
          </w:p>
          <w:p w:rsidR="7DBDAD28" w:rsidP="494B6091" w:rsidRDefault="7DBDAD28" w14:paraId="0D48F2EE" w14:textId="76065D35">
            <w:pPr>
              <w:pStyle w:val="ListParagraph"/>
              <w:numPr>
                <w:ilvl w:val="0"/>
                <w:numId w:val="5"/>
              </w:numPr>
              <w:rPr>
                <w:sz w:val="22"/>
                <w:szCs w:val="22"/>
              </w:rPr>
            </w:pPr>
            <w:r w:rsidRPr="494B6091" w:rsidR="7DBDAD28">
              <w:rPr>
                <w:sz w:val="22"/>
                <w:szCs w:val="22"/>
              </w:rPr>
              <w:t>Overnatning</w:t>
            </w:r>
          </w:p>
          <w:p w:rsidR="7DBDAD28" w:rsidP="494B6091" w:rsidRDefault="7DBDAD28" w14:paraId="7E8A7781" w14:textId="38C0D740">
            <w:pPr>
              <w:pStyle w:val="ListParagraph"/>
              <w:numPr>
                <w:ilvl w:val="0"/>
                <w:numId w:val="5"/>
              </w:numPr>
              <w:rPr>
                <w:sz w:val="22"/>
                <w:szCs w:val="22"/>
              </w:rPr>
            </w:pPr>
            <w:r w:rsidRPr="494B6091" w:rsidR="7DBDAD28">
              <w:rPr>
                <w:sz w:val="22"/>
                <w:szCs w:val="22"/>
              </w:rPr>
              <w:t>Lokaleleje</w:t>
            </w:r>
          </w:p>
          <w:p w:rsidR="7DBDAD28" w:rsidP="494B6091" w:rsidRDefault="7DBDAD28" w14:paraId="23DCFF76" w14:textId="272257DA">
            <w:pPr>
              <w:pStyle w:val="ListParagraph"/>
              <w:numPr>
                <w:ilvl w:val="0"/>
                <w:numId w:val="5"/>
              </w:numPr>
              <w:rPr>
                <w:sz w:val="22"/>
                <w:szCs w:val="22"/>
              </w:rPr>
            </w:pPr>
            <w:r w:rsidRPr="494B6091" w:rsidR="7DBDAD28">
              <w:rPr>
                <w:sz w:val="22"/>
                <w:szCs w:val="22"/>
              </w:rPr>
              <w:t>Forplejning</w:t>
            </w:r>
          </w:p>
        </w:tc>
        <w:tc>
          <w:tcPr>
            <w:tcW w:w="1842" w:type="dxa"/>
            <w:tcMar/>
          </w:tcPr>
          <w:p w:rsidR="494B6091" w:rsidP="494B6091" w:rsidRDefault="494B6091" w14:paraId="58F2B175" w14:textId="4F8822C5">
            <w:pPr>
              <w:pStyle w:val="Normal"/>
            </w:pPr>
          </w:p>
        </w:tc>
        <w:tc>
          <w:tcPr>
            <w:tcW w:w="1695" w:type="dxa"/>
            <w:tcMar/>
          </w:tcPr>
          <w:p w:rsidR="494B6091" w:rsidP="494B6091" w:rsidRDefault="494B6091" w14:paraId="4307A176" w14:textId="4AF5E77D">
            <w:pPr>
              <w:pStyle w:val="Normal"/>
            </w:pPr>
          </w:p>
        </w:tc>
      </w:tr>
    </w:tbl>
    <w:p w:rsidR="00FA6D8B" w:rsidP="00D2358F" w:rsidRDefault="00FA6D8B" w14:paraId="1C6119B9" w14:textId="77777777"/>
    <w:p w:rsidRPr="006D56F4" w:rsidR="00155CE3" w:rsidP="00D2358F" w:rsidRDefault="00155CE3" w14:paraId="319AC497" w14:textId="6CE7AB5F">
      <w:r w:rsidR="742B377B">
        <w:rPr/>
        <w:t>Anbefalet forplejning:</w:t>
      </w:r>
      <w:r>
        <w:br/>
      </w:r>
      <w:r w:rsidR="00155CE3">
        <w:rPr/>
        <w:t>Morgenmad med kaffe/te/vand, en scone/</w:t>
      </w:r>
      <w:r w:rsidR="00251F5C">
        <w:rPr/>
        <w:t>croissant</w:t>
      </w:r>
      <w:r w:rsidR="00155CE3">
        <w:rPr/>
        <w:t xml:space="preserve"> eller bolle</w:t>
      </w:r>
      <w:r>
        <w:br/>
      </w:r>
      <w:r w:rsidR="00155CE3">
        <w:rPr/>
        <w:t>Middagsmad i form af salat/sandwich, vand og en lille sodavand</w:t>
      </w:r>
      <w:r>
        <w:br/>
      </w:r>
      <w:r w:rsidR="00155CE3">
        <w:rPr/>
        <w:t>Eftermiddagsmad kaffe/te/vand, frugt og kage</w:t>
      </w:r>
    </w:p>
    <w:sectPr w:rsidRPr="006D56F4" w:rsidR="00155CE3">
      <w:pgSz w:w="11906" w:h="16838" w:orient="portrait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:rsidR="007E00E4" w:rsidP="00115E35" w:rsidRDefault="007E00E4" w14:paraId="27402FC6" w14:textId="77777777">
      <w:pPr>
        <w:spacing w:after="0" w:line="240" w:lineRule="auto"/>
      </w:pPr>
      <w:r>
        <w:separator/>
      </w:r>
    </w:p>
  </w:endnote>
  <w:endnote w:type="continuationSeparator" w:id="0">
    <w:p w:rsidR="007E00E4" w:rsidP="00115E35" w:rsidRDefault="007E00E4" w14:paraId="0AA6FAF4" w14:textId="77777777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:rsidR="007E00E4" w:rsidP="00115E35" w:rsidRDefault="007E00E4" w14:paraId="52C899DF" w14:textId="77777777">
      <w:pPr>
        <w:spacing w:after="0" w:line="240" w:lineRule="auto"/>
      </w:pPr>
      <w:r>
        <w:separator/>
      </w:r>
    </w:p>
  </w:footnote>
  <w:footnote w:type="continuationSeparator" w:id="0">
    <w:p w:rsidR="007E00E4" w:rsidP="00115E35" w:rsidRDefault="007E00E4" w14:paraId="1C3DE731" w14:textId="77777777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xmlns:w="http://schemas.openxmlformats.org/wordprocessingml/2006/main" w:abstractNumId="4">
    <w:nsid w:val="598e1bec"/>
    <w:multiLevelType xmlns:w="http://schemas.openxmlformats.org/wordprocessingml/2006/main" w:val="hybridMultilevel"/>
    <w:lvl xmlns:w="http://schemas.openxmlformats.org/wordprocessingml/2006/main" w:ilvl="0">
      <w:start w:val="1"/>
      <w:numFmt w:val="bullet"/>
      <w:lvlText w:val="-"/>
      <w:lvlJc w:val="left"/>
      <w:pPr>
        <w:ind w:left="720" w:hanging="360"/>
      </w:pPr>
      <w:rPr>
        <w:rFonts w:hint="default" w:ascii="Aptos" w:hAnsi="Aptos"/>
      </w:rPr>
    </w:lvl>
    <w:lvl xmlns:w="http://schemas.openxmlformats.org/wordprocessingml/2006/main" w:ilvl="1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/>
      </w:rPr>
    </w:lvl>
    <w:lvl xmlns:w="http://schemas.openxmlformats.org/wordprocessingml/2006/main" w:ilvl="2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xmlns:w="http://schemas.openxmlformats.org/wordprocessingml/2006/main" w:ilvl="3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xmlns:w="http://schemas.openxmlformats.org/wordprocessingml/2006/main" w:ilvl="4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/>
      </w:rPr>
    </w:lvl>
    <w:lvl xmlns:w="http://schemas.openxmlformats.org/wordprocessingml/2006/main" w:ilvl="5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xmlns:w="http://schemas.openxmlformats.org/wordprocessingml/2006/main" w:ilvl="6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xmlns:w="http://schemas.openxmlformats.org/wordprocessingml/2006/main" w:ilvl="7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/>
      </w:rPr>
    </w:lvl>
    <w:lvl xmlns:w="http://schemas.openxmlformats.org/wordprocessingml/2006/main" w:ilvl="8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abstractNum w:abstractNumId="0" w15:restartNumberingAfterBreak="0">
    <w:nsid w:val="09315EBA"/>
    <w:multiLevelType w:val="hybridMultilevel"/>
    <w:tmpl w:val="06E853FA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3241158B"/>
    <w:multiLevelType w:val="hybridMultilevel"/>
    <w:tmpl w:val="06E853FA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7E31DBE"/>
    <w:multiLevelType w:val="hybridMultilevel"/>
    <w:tmpl w:val="5DFAB214"/>
    <w:lvl w:ilvl="0" w:tplc="05FE426A">
      <w:numFmt w:val="bullet"/>
      <w:lvlText w:val="-"/>
      <w:lvlJc w:val="left"/>
      <w:pPr>
        <w:ind w:left="720" w:hanging="360"/>
      </w:pPr>
      <w:rPr>
        <w:rFonts w:hint="default" w:ascii="Arial" w:hAnsi="Arial" w:cs="Arial" w:eastAsiaTheme="minorHAnsi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 w:cs="Courier New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 w:cs="Courier New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 w:cs="Courier New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abstractNum w:abstractNumId="3" w15:restartNumberingAfterBreak="0">
    <w:nsid w:val="487A421C"/>
    <w:multiLevelType w:val="hybridMultilevel"/>
    <w:tmpl w:val="65B690FE"/>
    <w:lvl w:ilvl="0" w:tplc="2466C4B2">
      <w:start w:val="1"/>
      <w:numFmt w:val="bullet"/>
      <w:lvlText w:val="-"/>
      <w:lvlJc w:val="left"/>
      <w:pPr>
        <w:ind w:left="720" w:hanging="360"/>
      </w:pPr>
      <w:rPr>
        <w:rFonts w:hint="default" w:ascii="Arial" w:hAnsi="Arial" w:cs="Arial" w:eastAsiaTheme="minorHAnsi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 w:cs="Courier New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 w:cs="Courier New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 w:cs="Courier New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num w:numId="5">
    <w:abstractNumId w:val="4"/>
  </w:num>
  <w:num w:numId="1" w16cid:durableId="339621267">
    <w:abstractNumId w:val="2"/>
  </w:num>
  <w:num w:numId="2" w16cid:durableId="447244197">
    <w:abstractNumId w:val="1"/>
  </w:num>
  <w:num w:numId="3" w16cid:durableId="1050419140">
    <w:abstractNumId w:val="0"/>
  </w:num>
  <w:num w:numId="4" w16cid:durableId="1290013162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attachedTemplate r:id="rId1"/>
  <w:trackRevisions w:val="false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E00E4"/>
    <w:rsid w:val="00033327"/>
    <w:rsid w:val="0003435D"/>
    <w:rsid w:val="0003486B"/>
    <w:rsid w:val="00061918"/>
    <w:rsid w:val="000D60A3"/>
    <w:rsid w:val="00115E35"/>
    <w:rsid w:val="001502F1"/>
    <w:rsid w:val="00155CE3"/>
    <w:rsid w:val="00174AE2"/>
    <w:rsid w:val="002029D0"/>
    <w:rsid w:val="00251F5C"/>
    <w:rsid w:val="002622FC"/>
    <w:rsid w:val="002A1263"/>
    <w:rsid w:val="00350612"/>
    <w:rsid w:val="003A38DC"/>
    <w:rsid w:val="003C3083"/>
    <w:rsid w:val="004057DC"/>
    <w:rsid w:val="004A0FCC"/>
    <w:rsid w:val="00507965"/>
    <w:rsid w:val="005C16A9"/>
    <w:rsid w:val="00691EDE"/>
    <w:rsid w:val="006D56F4"/>
    <w:rsid w:val="007929EA"/>
    <w:rsid w:val="007E00E4"/>
    <w:rsid w:val="00807DED"/>
    <w:rsid w:val="00834E66"/>
    <w:rsid w:val="00931E05"/>
    <w:rsid w:val="00992B13"/>
    <w:rsid w:val="00A72CF2"/>
    <w:rsid w:val="00BA13C9"/>
    <w:rsid w:val="00BE32A1"/>
    <w:rsid w:val="00D2358F"/>
    <w:rsid w:val="00E87314"/>
    <w:rsid w:val="00EE1CD7"/>
    <w:rsid w:val="00F305BF"/>
    <w:rsid w:val="00FA6D8B"/>
    <w:rsid w:val="01A925CB"/>
    <w:rsid w:val="0C774588"/>
    <w:rsid w:val="15E06702"/>
    <w:rsid w:val="1D7F2AA0"/>
    <w:rsid w:val="2B2DC53F"/>
    <w:rsid w:val="2D90A488"/>
    <w:rsid w:val="314592B3"/>
    <w:rsid w:val="34A940CA"/>
    <w:rsid w:val="353C82F1"/>
    <w:rsid w:val="3668EDEF"/>
    <w:rsid w:val="494B6091"/>
    <w:rsid w:val="494E4E89"/>
    <w:rsid w:val="4A13CA1D"/>
    <w:rsid w:val="54FB600E"/>
    <w:rsid w:val="6246733B"/>
    <w:rsid w:val="70B8F4C3"/>
    <w:rsid w:val="71EA20D0"/>
    <w:rsid w:val="742B377B"/>
    <w:rsid w:val="764D914A"/>
    <w:rsid w:val="7A8B1410"/>
    <w:rsid w:val="7DBDAD2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E4CB914"/>
  <w15:chartTrackingRefBased/>
  <w15:docId w15:val="{C00835A2-6380-4426-970F-F9ADE8E60B5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hAnsiTheme="minorHAnsi" w:eastAsia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semiHidden="1" w:unhideWhenUsed="1" w:qFormat="1"/>
    <w:lsdException w:name="heading 3" w:uiPriority="9" w:semiHidden="1" w:unhideWhenUsed="1" w:qFormat="1"/>
    <w:lsdException w:name="heading 4" w:uiPriority="9" w:semiHidden="1" w:unhideWhenUsed="1" w:qFormat="1"/>
    <w:lsdException w:name="heading 5" w:uiPriority="9" w:semiHidden="1" w:unhideWhenUsed="1" w:qFormat="1"/>
    <w:lsdException w:name="heading 6" w:uiPriority="9" w:semiHidden="1" w:unhideWhenUsed="1" w:qFormat="1"/>
    <w:lsdException w:name="heading 7" w:uiPriority="9" w:semiHidden="1" w:unhideWhenUsed="1" w:qFormat="1"/>
    <w:lsdException w:name="heading 8" w:uiPriority="9" w:semiHidden="1" w:unhideWhenUsed="1" w:qFormat="1"/>
    <w:lsdException w:name="heading 9" w:uiPriority="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uiPriority="39" w:semiHidden="1" w:unhideWhenUsed="1"/>
    <w:lsdException w:name="toc 2" w:uiPriority="39" w:semiHidden="1" w:unhideWhenUsed="1"/>
    <w:lsdException w:name="toc 3" w:uiPriority="39" w:semiHidden="1" w:unhideWhenUsed="1"/>
    <w:lsdException w:name="toc 4" w:uiPriority="39" w:semiHidden="1" w:unhideWhenUsed="1"/>
    <w:lsdException w:name="toc 5" w:uiPriority="39" w:semiHidden="1" w:unhideWhenUsed="1"/>
    <w:lsdException w:name="toc 6" w:uiPriority="39" w:semiHidden="1" w:unhideWhenUsed="1"/>
    <w:lsdException w:name="toc 7" w:uiPriority="39" w:semiHidden="1" w:unhideWhenUsed="1"/>
    <w:lsdException w:name="toc 8" w:uiPriority="39" w:semiHidden="1" w:unhideWhenUsed="1"/>
    <w:lsdException w:name="toc 9" w:uiPriority="3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uiPriority="35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uiPriority="1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uiPriority="37" w:semiHidden="1" w:unhideWhenUsed="1"/>
    <w:lsdException w:name="TOC Heading" w:uiPriority="39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styleId="Normal" w:default="1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hAnsiTheme="majorHAnsi" w:eastAsiaTheme="majorEastAsia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hAnsiTheme="majorHAnsi" w:eastAsiaTheme="majorEastAsia" w:cstheme="majorBidi"/>
      <w:sz w:val="26"/>
      <w:szCs w:val="26"/>
    </w:rPr>
  </w:style>
  <w:style w:type="character" w:styleId="DefaultParagraphFont" w:default="1">
    <w:name w:val="Default Paragraph Font"/>
    <w:uiPriority w:val="1"/>
    <w:semiHidden/>
    <w:unhideWhenUsed/>
  </w:style>
  <w:style w:type="table" w:styleId="TableNormal" w:default="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styleId="NoList" w:default="1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styleId="HeaderChar" w:customStyle="1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styleId="FooterChar" w:customStyle="1">
    <w:name w:val="Footer Char"/>
    <w:basedOn w:val="DefaultParagraphFont"/>
    <w:link w:val="Footer"/>
    <w:uiPriority w:val="99"/>
    <w:rsid w:val="00115E35"/>
  </w:style>
  <w:style w:type="character" w:styleId="Heading1Char" w:customStyle="1">
    <w:name w:val="Heading 1 Char"/>
    <w:basedOn w:val="DefaultParagraphFont"/>
    <w:link w:val="Heading1"/>
    <w:uiPriority w:val="9"/>
    <w:rsid w:val="00EE1CD7"/>
    <w:rPr>
      <w:rFonts w:asciiTheme="majorHAnsi" w:hAnsiTheme="majorHAnsi" w:eastAsiaTheme="majorEastAsia" w:cstheme="majorBidi"/>
      <w:sz w:val="32"/>
      <w:szCs w:val="32"/>
    </w:rPr>
  </w:style>
  <w:style w:type="character" w:styleId="Heading2Char" w:customStyle="1">
    <w:name w:val="Heading 2 Char"/>
    <w:basedOn w:val="DefaultParagraphFont"/>
    <w:link w:val="Heading2"/>
    <w:uiPriority w:val="9"/>
    <w:semiHidden/>
    <w:rsid w:val="00EE1CD7"/>
    <w:rPr>
      <w:rFonts w:asciiTheme="majorHAnsi" w:hAnsiTheme="majorHAnsi" w:eastAsiaTheme="majorEastAsia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styleId="SubtitleChar" w:customStyle="1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styleId="QuoteChar" w:customStyle="1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color="auto" w:sz="4" w:space="10"/>
        <w:bottom w:val="single" w:color="auto" w:sz="4" w:space="10"/>
      </w:pBdr>
      <w:spacing w:before="360" w:after="360"/>
      <w:ind w:left="864" w:right="864"/>
      <w:jc w:val="center"/>
    </w:pPr>
    <w:rPr>
      <w:i/>
      <w:iCs/>
    </w:rPr>
  </w:style>
  <w:style w:type="character" w:styleId="IntenseQuoteChar" w:customStyle="1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leGrid">
    <w:name w:val="Table Grid"/>
    <w:basedOn w:val="TableNormal"/>
    <w:uiPriority w:val="39"/>
    <w:rsid w:val="00FA6D8B"/>
    <w:pPr>
      <w:spacing w:after="0" w:line="240" w:lineRule="auto"/>
    </w:pPr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settings" Target="settings.xml" Id="rId8" /><Relationship Type="http://schemas.openxmlformats.org/officeDocument/2006/relationships/theme" Target="theme/theme1.xml" Id="rId13" /><Relationship Type="http://schemas.openxmlformats.org/officeDocument/2006/relationships/customXml" Target="../customXml/item3.xml" Id="rId3" /><Relationship Type="http://schemas.openxmlformats.org/officeDocument/2006/relationships/styles" Target="styles.xml" Id="rId7" /><Relationship Type="http://schemas.openxmlformats.org/officeDocument/2006/relationships/fontTable" Target="fontTable.xml" Id="rId12" /><Relationship Type="http://schemas.openxmlformats.org/officeDocument/2006/relationships/customXml" Target="../customXml/item2.xml" Id="rId2" /><Relationship Type="http://schemas.openxmlformats.org/officeDocument/2006/relationships/customXml" Target="../customXml/item1.xml" Id="rId1" /><Relationship Type="http://schemas.openxmlformats.org/officeDocument/2006/relationships/numbering" Target="numbering.xml" Id="rId6" /><Relationship Type="http://schemas.openxmlformats.org/officeDocument/2006/relationships/endnotes" Target="endnotes.xml" Id="rId11" /><Relationship Type="http://schemas.openxmlformats.org/officeDocument/2006/relationships/customXml" Target="../customXml/item5.xml" Id="rId5" /><Relationship Type="http://schemas.openxmlformats.org/officeDocument/2006/relationships/footnotes" Target="footnotes.xml" Id="rId10" /><Relationship Type="http://schemas.openxmlformats.org/officeDocument/2006/relationships/customXml" Target="../customXml/item4.xml" Id="rId4" /><Relationship Type="http://schemas.openxmlformats.org/officeDocument/2006/relationships/webSettings" Target="webSettings.xml" Id="rId9" 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ickiegnim\AppData\Local\Temp\1\Templafy\WordVsto\fx31xaqm.dotx" TargetMode="External"/></Relationships>
</file>

<file path=word/theme/theme1.xml><?xml version="1.0" encoding="utf-8"?>
<a:theme xmlns:a="http://schemas.openxmlformats.org/drawingml/2006/main" xmlns:thm15="http://schemas.microsoft.com/office/thememl/2012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5A45D900F9C724A86DCD553AA56B7C5" ma:contentTypeVersion="19" ma:contentTypeDescription="Create a new document." ma:contentTypeScope="" ma:versionID="2c7d5a0d619814b1f41adf1448424a25">
  <xsd:schema xmlns:xsd="http://www.w3.org/2001/XMLSchema" xmlns:xs="http://www.w3.org/2001/XMLSchema" xmlns:p="http://schemas.microsoft.com/office/2006/metadata/properties" xmlns:ns2="249a7cff-7a33-47a6-bef3-baa97f567618" xmlns:ns3="094de586-7aa5-4c94-a9e2-06e95cf3d98c" targetNamespace="http://schemas.microsoft.com/office/2006/metadata/properties" ma:root="true" ma:fieldsID="3bc5b6f4df224207fa8d682ed685b5c1" ns2:_="" ns3:_="">
    <xsd:import namespace="249a7cff-7a33-47a6-bef3-baa97f567618"/>
    <xsd:import namespace="094de586-7aa5-4c94-a9e2-06e95cf3d98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49a7cff-7a33-47a6-bef3-baa97f5676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94de586-7aa5-4c94-a9e2-06e95cf3d98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73828713-9133-45e2-ac78-f1bf98a7433b}" ma:internalName="TaxCatchAll" ma:showField="CatchAllData" ma:web="094de586-7aa5-4c94-a9e2-06e95cf3d98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94de586-7aa5-4c94-a9e2-06e95cf3d98c" xsi:nil="true"/>
    <lcf76f155ced4ddcb4097134ff3c332f xmlns="249a7cff-7a33-47a6-bef3-baa97f567618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23629AAE-98CC-4866-889F-6319C70EDEA9}"/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customXml/itemProps3.xml><?xml version="1.0" encoding="utf-8"?>
<ds:datastoreItem xmlns:ds="http://schemas.openxmlformats.org/officeDocument/2006/customXml" ds:itemID="{4AB8C649-791A-43C6-B77A-F03E4A584C2B}">
  <ds:schemaRefs/>
</ds:datastoreItem>
</file>

<file path=customXml/itemProps4.xml><?xml version="1.0" encoding="utf-8"?>
<ds:datastoreItem xmlns:ds="http://schemas.openxmlformats.org/officeDocument/2006/customXml" ds:itemID="{5DD12982-7BFC-46EA-A5B4-F6E478C5D565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7CF67403-3B03-461E-9CBC-3514644A28DB}">
  <ds:schemaRefs>
    <ds:schemaRef ds:uri="http://schemas.microsoft.com/office/2006/metadata/properties"/>
    <ds:schemaRef ds:uri="http://schemas.microsoft.com/office/infopath/2007/PartnerControls"/>
    <ds:schemaRef ds:uri="094de586-7aa5-4c94-a9e2-06e95cf3d98c"/>
    <ds:schemaRef ds:uri="249a7cff-7a33-47a6-bef3-baa97f567618"/>
  </ds:schemaRefs>
</ds:datastoreItem>
</file>

<file path=docProps/app.xml><?xml version="1.0" encoding="utf-8"?>
<ap:Properties xmlns="http://schemas.openxmlformats.org/officeDocument/2006/extended-properties" xmlns:vt="http://schemas.openxmlformats.org/officeDocument/2006/docPropsVTypes" xmlns:ap="http://schemas.openxmlformats.org/officeDocument/2006/extended-properties">
  <ap:Template>fx31xaqm.dotx</ap:Template>
  <ap:Application>Microsoft Word for the web</ap:Application>
  <ap:DocSecurity>0</ap:DocSecurity>
  <ap:ScaleCrop>false</ap:ScaleCrop>
  <ap:Company/>
  <ap:SharedDoc>false</ap:SharedDoc>
  <ap:HyperlinksChanged>false</ap:HyperlinksChanged>
  <ap:AppVersion>16.0000</ap:AppVersion>
  <ap:LinksUpToDate>false</ap:LinksUpToDate>
</ap:Properties>
</file>

<file path=docProps/core.xml><?xml version="1.0" encoding="utf-8"?>
<coreProperties xmlns:dc="http://purl.org/dc/elements/1.1/" xmlns:dcterms="http://purl.org/dc/terms/" xmlns:xsi="http://www.w3.org/2001/XMLSchema-instance" xmlns="http://schemas.openxmlformats.org/package/2006/metadata/core-properties">
  <dc:title/>
  <dc:subject/>
  <dc:creator>Nickie Glissmann</dc:creator>
  <keywords/>
  <dc:description/>
  <lastModifiedBy>Nickie Glissmann</lastModifiedBy>
  <revision>11</revision>
  <dcterms:created xsi:type="dcterms:W3CDTF">2025-02-14T09:13:00.0000000Z</dcterms:created>
  <dcterms:modified xsi:type="dcterms:W3CDTF">2025-08-21T08:29:56.0577794Z</dcterms:modified>
</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103948954640606827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OfficeInstanceGUID">
    <vt:lpwstr>{2E4279D0-7463-4C63-9DE3-BD772E89DF60}</vt:lpwstr>
  </property>
  <property fmtid="{D5CDD505-2E9C-101B-9397-08002B2CF9AE}" pid="8" name="ContentTypeId">
    <vt:lpwstr>0x010100D5A45D900F9C724A86DCD553AA56B7C5</vt:lpwstr>
  </property>
  <property fmtid="{D5CDD505-2E9C-101B-9397-08002B2CF9AE}" pid="9" name="MediaServiceImageTags">
    <vt:lpwstr/>
  </property>
</Properties>
</file>